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13"/>
  </p:sldMasterIdLst>
  <p:notesMasterIdLst>
    <p:notesMasterId r:id="rId19"/>
  </p:notesMasterIdLst>
  <p:sldIdLst>
    <p:sldId id="257" r:id="rId14"/>
    <p:sldId id="261" r:id="rId15"/>
    <p:sldId id="272" r:id="rId16"/>
    <p:sldId id="263" r:id="rId17"/>
    <p:sldId id="264" r:id="rId1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00" autoAdjust="0"/>
    <p:restoredTop sz="97662" autoAdjust="0"/>
  </p:normalViewPr>
  <p:slideViewPr>
    <p:cSldViewPr snapToGrid="0" showGuides="1">
      <p:cViewPr varScale="1">
        <p:scale>
          <a:sx n="114" d="100"/>
          <a:sy n="114" d="100"/>
        </p:scale>
        <p:origin x="474" y="114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1.xml"/><Relationship Id="rId18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4.xml"/><Relationship Id="rId2" Type="http://schemas.openxmlformats.org/officeDocument/2006/relationships/customXml" Target="../customXml/item2.xml"/><Relationship Id="rId16" Type="http://schemas.openxmlformats.org/officeDocument/2006/relationships/slide" Target="slides/slide3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5" Type="http://schemas.openxmlformats.org/officeDocument/2006/relationships/customXml" Target="../customXml/item5.xml"/><Relationship Id="rId15" Type="http://schemas.openxmlformats.org/officeDocument/2006/relationships/slide" Target="slides/slide2.xml"/><Relationship Id="rId23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1.xml"/><Relationship Id="rId22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0/12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2334effb-d7b2-4148-a84c-b6d392606a5f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6f6a809b-b518-4900-aa59-d20889c18234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dad63258-ec22-456a-9855-14ae120b61c8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8" name="text" descr="{&quot;templafy&quot;:{&quot;id&quot;:&quot;5fdf2e45-fb0c-49b7-9368-13f9cdf644fc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77827b4e-b539-40e0-b68d-04b108dd1261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9" name="text" descr="{&quot;templafy&quot;:{&quot;id&quot;:&quot;c0cb5cf2-b989-4711-8f03-35e370847d03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6" name="text" descr="{&quot;templafy&quot;:{&quot;id&quot;:&quot;d8a61afe-e2d6-4f26-af59-1c7d045e019f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737eb183-9109-496e-9d5e-195ead099ae2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0" name="text" descr="{&quot;templafy&quot;:{&quot;id&quot;:&quot;2b8e1c1b-53a6-48c0-a0c7-6d262b3940bc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9" name="text" descr="{&quot;templafy&quot;:{&quot;id&quot;:&quot;ef08ebbb-1ca0-4cd7-b41c-1e12ce0b4a83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dae76c83-f8ff-4676-95d2-20cab2e05c29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29b110d1-99f2-47bb-acac-8b765cee8554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82258664-d91f-4e92-a114-02391ac54c7e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6" name="text" descr="{&quot;templafy&quot;:{&quot;id&quot;:&quot;c23312ca-394b-425d-b97c-225dd344582e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12-2022</a:t>
            </a:fld>
            <a:endParaRPr lang="da-DK" dirty="0"/>
          </a:p>
        </p:txBody>
      </p:sp>
      <p:sp>
        <p:nvSpPr>
          <p:cNvPr id="14" name="Rectangle 3" descr="{&quot;templafy&quot;:{&quot;id&quot;:&quot;01cd8caf-55f5-4275-a25b-90eb3eeea4aa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1050" dirty="0" err="1">
                <a:solidFill>
                  <a:schemeClr val="tx1"/>
                </a:solidFill>
              </a:rPr>
              <a:t>5. december 2022</a:t>
            </a: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b7b5340c-5b98-4bf8-ad2f-e0e144bf4a09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Rektorsekretariatet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Titel 43">
            <a:extLst>
              <a:ext uri="{FF2B5EF4-FFF2-40B4-BE49-F238E27FC236}">
                <a16:creationId xmlns:a16="http://schemas.microsoft.com/office/drawing/2014/main" id="{4BA7F329-6360-0040-9627-586E3CBB50C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8000" dirty="0"/>
              <a:t>Forebyggelse af overbelastning i RS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0-12-202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ED48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798C0B-343B-AEDF-B844-E27CD164E5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år planen for dagen ændrer sig … hver dag</a:t>
            </a:r>
            <a:br>
              <a:rPr lang="da-DK" dirty="0"/>
            </a:b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659E317-5B7C-A5EE-73BF-771E3BC9A7E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700213"/>
            <a:ext cx="10961237" cy="3864462"/>
          </a:xfrm>
        </p:spPr>
        <p:txBody>
          <a:bodyPr/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1800" dirty="0">
                <a:effectLst/>
                <a:latin typeface="Calibri" panose="020F0502020204030204" pitchFamily="34" charset="0"/>
              </a:rPr>
              <a:t>Jeg startede i januar 2020 som leder af </a:t>
            </a:r>
            <a:r>
              <a:rPr lang="da-DK" sz="1800" dirty="0" err="1">
                <a:effectLst/>
                <a:latin typeface="Calibri" panose="020F0502020204030204" pitchFamily="34" charset="0"/>
              </a:rPr>
              <a:t>rektorsekretariatet</a:t>
            </a:r>
            <a:endParaRPr lang="da-DK" sz="1800" dirty="0">
              <a:effectLst/>
              <a:latin typeface="Calibri" panose="020F0502020204030204" pitchFamily="34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da-DK" sz="1800" dirty="0">
              <a:latin typeface="Calibri" panose="020F0502020204030204" pitchFamily="34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1800" dirty="0">
                <a:latin typeface="Calibri" panose="020F0502020204030204" pitchFamily="34" charset="0"/>
              </a:rPr>
              <a:t>RS’ helt centrale opgave er at understøtte øverste ledelse (bestyrelse, direktion og rektorat), sikre gode sags- og beslutningsprocesser og at sekretariatsbetjene en række udvalg. Vi er organiseret i ‘forkontor’, ‘policy &amp; fora’ og ‘juridisk kontor’.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da-DK" sz="1800" dirty="0">
              <a:latin typeface="Calibri" panose="020F0502020204030204" pitchFamily="34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1800" dirty="0">
                <a:latin typeface="Calibri" panose="020F0502020204030204" pitchFamily="34" charset="0"/>
              </a:rPr>
              <a:t>RS understøtter/koordinerer også større opgaver som f.eks. Regionaliseringsplanen, Strategisk Rammekontrakt, EPICUR-alliancen, SDG-arbejdet, udpegning af bestyrelsesmedlemmer, SDU-strategi, SDU/OUH-samarbejde, årsfest etc.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da-DK" sz="1800" dirty="0">
              <a:latin typeface="Calibri" panose="020F0502020204030204" pitchFamily="34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1800" dirty="0">
                <a:latin typeface="Calibri" panose="020F0502020204030204" pitchFamily="34" charset="0"/>
              </a:rPr>
              <a:t>Det er et rammevilkår for arbejdet i RS, at dagsplanen fra det ene øjeblik til det andet kan ændre sig, og det er ikke altid SDU selv, der er årsagen (presse, Christiansborg, Uddannelses- og Forskningsministeriet etc.)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da-DK" sz="1800" dirty="0">
              <a:latin typeface="Calibri" panose="020F0502020204030204" pitchFamily="34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1800" dirty="0">
                <a:latin typeface="Calibri" panose="020F0502020204030204" pitchFamily="34" charset="0"/>
              </a:rPr>
              <a:t>Vi har derfor arbejdet med at se forandring som en del af dagligdagen – et vilkår - og på hvordan vi kan have et godt arbejdsmiljø og et godt kollegaskab når dette er et vilkår.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da-DK" sz="1800" dirty="0">
              <a:latin typeface="Calibri" panose="020F0502020204030204" pitchFamily="34" charset="0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0E97CD-DAD2-432E-BC65-50F305090DA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4561619-520E-420B-9E24-29238D077359}" type="datetime1">
              <a:rPr lang="da-DK" smtClean="0"/>
              <a:t>20-12-202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5041857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DB3233A-98A0-B230-A58F-B9B485E1CF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ilemmaer i en foranderlig hverdag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3228AD7-80C7-8B84-2453-A2399A57BB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965292"/>
            <a:ext cx="10961237" cy="3864462"/>
          </a:xfrm>
        </p:spPr>
        <p:txBody>
          <a:bodyPr/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1800" dirty="0">
                <a:latin typeface="Calibri" panose="020F0502020204030204" pitchFamily="34" charset="0"/>
              </a:rPr>
              <a:t> </a:t>
            </a:r>
            <a:r>
              <a:rPr lang="da-DK" sz="2000" dirty="0">
                <a:latin typeface="Calibri" panose="020F0502020204030204" pitchFamily="34" charset="0"/>
              </a:rPr>
              <a:t>Korte deadlines (også for dem, der skal levere til ledelsen)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2000" dirty="0">
                <a:latin typeface="Calibri" panose="020F0502020204030204" pitchFamily="34" charset="0"/>
              </a:rPr>
              <a:t> Tid versus kvalitet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2000" dirty="0">
                <a:latin typeface="Calibri" panose="020F0502020204030204" pitchFamily="34" charset="0"/>
              </a:rPr>
              <a:t> Nye opgaver kommer dumpende ‘uanmeldt’ især eksternt fra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2000" dirty="0">
                <a:latin typeface="Calibri" panose="020F0502020204030204" pitchFamily="34" charset="0"/>
              </a:rPr>
              <a:t> Idérigdom hos ledelse, politikere, ministerium etc. skal sameksistere med ‘den daglige drift’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2000" dirty="0">
                <a:latin typeface="Calibri" panose="020F0502020204030204" pitchFamily="34" charset="0"/>
              </a:rPr>
              <a:t> og listen fortsætter…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da-DK" sz="2000" dirty="0">
              <a:latin typeface="Calibri" panose="020F0502020204030204" pitchFamily="34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da-DK" sz="2000" dirty="0">
                <a:latin typeface="Calibri" panose="020F0502020204030204" pitchFamily="34" charset="0"/>
              </a:rPr>
              <a:t>Forudsætning for at lykkes er et godt arbejdsmiljø – og det er noget, vi skaber og vedligeholder sammen</a:t>
            </a:r>
          </a:p>
          <a:p>
            <a:pPr marL="0" marR="0" indent="0">
              <a:spcBef>
                <a:spcPts val="0"/>
              </a:spcBef>
              <a:spcAft>
                <a:spcPts val="0"/>
              </a:spcAft>
              <a:buNone/>
            </a:pPr>
            <a:endParaRPr lang="da-DK" sz="1800" dirty="0">
              <a:latin typeface="Calibri" panose="020F0502020204030204" pitchFamily="34" charset="0"/>
            </a:endParaRP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428DFA7-CDD3-4015-A117-B5429AF67A7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F73DAE6-C5C8-4FF6-97FB-A2A45924ED14}" type="datetime1">
              <a:rPr lang="da-DK" smtClean="0"/>
              <a:t>20-12-202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7185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FFBF9B73-FFA5-EADB-DD2C-3A1EFC373B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04400"/>
            <a:ext cx="10962000" cy="671967"/>
          </a:xfrm>
        </p:spPr>
        <p:txBody>
          <a:bodyPr/>
          <a:lstStyle/>
          <a:p>
            <a:r>
              <a:rPr lang="da-DK" dirty="0"/>
              <a:t>Forebyggelse af overbelastning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09BDBF65-4E83-10DE-7639-73D0D78ED62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0400" y="1496769"/>
            <a:ext cx="10961237" cy="3864462"/>
          </a:xfrm>
        </p:spPr>
        <p:txBody>
          <a:bodyPr/>
          <a:lstStyle/>
          <a:p>
            <a:pPr rtl="0" fontAlgn="ct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sz="1800" dirty="0">
                <a:effectLst/>
                <a:latin typeface="Calibri" panose="020F0502020204030204" pitchFamily="34" charset="0"/>
              </a:rPr>
              <a:t>Forudsætning for et godt arbejdsmiljø er, at der er psykologisk tryghed til stede: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effectLst/>
                <a:latin typeface="Calibri" panose="020F0502020204030204" pitchFamily="34" charset="0"/>
              </a:rPr>
              <a:t>Jeg italesætter det udfordrende i, at vi ikke altid kender dagen, før vi går hjem – og at det er et vilkår i RS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latin typeface="Calibri" panose="020F0502020204030204" pitchFamily="34" charset="0"/>
              </a:rPr>
              <a:t>Vi</a:t>
            </a:r>
            <a:r>
              <a:rPr lang="da-DK" sz="1600" dirty="0">
                <a:effectLst/>
                <a:latin typeface="Calibri" panose="020F0502020204030204" pitchFamily="34" charset="0"/>
              </a:rPr>
              <a:t> prioriterer det sociale - og fokuserer på, at arbejdsmiljø er noget vi skaber sammen 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effectLst/>
                <a:latin typeface="Calibri" panose="020F0502020204030204" pitchFamily="34" charset="0"/>
              </a:rPr>
              <a:t>Jeg opfordrer til frokostsammenhold, faglige/sociale arrangementer etc.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effectLst/>
                <a:latin typeface="Calibri" panose="020F0502020204030204" pitchFamily="34" charset="0"/>
              </a:rPr>
              <a:t>Jeg står til rådighed for forventningsafstemning og prioritering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effectLst/>
                <a:latin typeface="Calibri" panose="020F0502020204030204" pitchFamily="34" charset="0"/>
              </a:rPr>
              <a:t>Jeg lægger vægt på at man har lov til både at være selvledende og samtidig have krav på ledelse og prioritering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latin typeface="Calibri" panose="020F0502020204030204" pitchFamily="34" charset="0"/>
              </a:rPr>
              <a:t>Jeg er glad for, at vi kan tale </a:t>
            </a:r>
            <a:r>
              <a:rPr lang="da-DK" sz="1600" dirty="0">
                <a:effectLst/>
                <a:latin typeface="Calibri" panose="020F0502020204030204" pitchFamily="34" charset="0"/>
              </a:rPr>
              <a:t>åbent og ærligt – at vi har tilstrækkelig psykologisk tryghed til at sige både til og fra</a:t>
            </a:r>
          </a:p>
          <a:p>
            <a:pPr rtl="0" fontAlgn="ct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endParaRPr lang="da-DK" sz="1800" dirty="0">
              <a:effectLst/>
              <a:latin typeface="Calibri" panose="020F0502020204030204" pitchFamily="34" charset="0"/>
            </a:endParaRPr>
          </a:p>
          <a:p>
            <a:pPr rtl="0" fontAlgn="ctr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sz="1800" dirty="0">
                <a:latin typeface="Calibri" panose="020F0502020204030204" pitchFamily="34" charset="0"/>
              </a:rPr>
              <a:t>Værktøjer: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effectLst/>
                <a:latin typeface="Calibri" panose="020F0502020204030204" pitchFamily="34" charset="0"/>
              </a:rPr>
              <a:t>Jeg er tydelig omkring, at jeg tager arbejdsmiljø alvorligt og prioriterer det i dagligdagen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latin typeface="Calibri" panose="020F0502020204030204" pitchFamily="34" charset="0"/>
              </a:rPr>
              <a:t>Jeg er tydelig omkring behov for restitution og f.eks. brug af </a:t>
            </a:r>
            <a:r>
              <a:rPr lang="da-DK" sz="1600" dirty="0" err="1">
                <a:latin typeface="Calibri" panose="020F0502020204030204" pitchFamily="34" charset="0"/>
              </a:rPr>
              <a:t>autoreply</a:t>
            </a:r>
            <a:r>
              <a:rPr lang="da-DK" sz="1600" dirty="0">
                <a:latin typeface="Calibri" panose="020F0502020204030204" pitchFamily="34" charset="0"/>
              </a:rPr>
              <a:t> og at slukke mobil, når man har ferie og fri</a:t>
            </a:r>
            <a:endParaRPr lang="da-DK" sz="1600" dirty="0">
              <a:effectLst/>
              <a:latin typeface="Calibri" panose="020F0502020204030204" pitchFamily="34" charset="0"/>
            </a:endParaRP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effectLst/>
                <a:latin typeface="Calibri" panose="020F0502020204030204" pitchFamily="34" charset="0"/>
              </a:rPr>
              <a:t>Jeg </a:t>
            </a:r>
            <a:r>
              <a:rPr lang="da-DK" sz="1600" dirty="0">
                <a:latin typeface="Calibri" panose="020F0502020204030204" pitchFamily="34" charset="0"/>
              </a:rPr>
              <a:t>fortæller åbent, at jeg ikke er god til at ‘læse’ medarbejderne, og derfor er afhængig af, at de er trygge i at komme til mig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effectLst/>
                <a:latin typeface="Calibri" panose="020F0502020204030204" pitchFamily="34" charset="0"/>
              </a:rPr>
              <a:t>Jeg forsøger a</a:t>
            </a:r>
            <a:r>
              <a:rPr lang="da-DK" sz="1600" dirty="0">
                <a:latin typeface="Calibri" panose="020F0502020204030204" pitchFamily="34" charset="0"/>
              </a:rPr>
              <a:t>ltid at have en 1’er og en 2’er på opgaven, én der har initiativret og –pligt, og én man kan sparre med.</a:t>
            </a: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effectLst/>
                <a:latin typeface="Calibri" panose="020F0502020204030204" pitchFamily="34" charset="0"/>
              </a:rPr>
              <a:t>Vi arbejder systematisk med APV’en. Vi har årshjul og helt konkrete initiativer beskrevet. Vi følger løbende op på afdelingsmøderne. </a:t>
            </a:r>
            <a:r>
              <a:rPr lang="da-DK" sz="1600" dirty="0">
                <a:latin typeface="Calibri" panose="020F0502020204030204" pitchFamily="34" charset="0"/>
              </a:rPr>
              <a:t>Der opstår henover perioden nye temaer vi arbejder med</a:t>
            </a:r>
          </a:p>
          <a:p>
            <a:pPr lvl="1" fontAlgn="ctr">
              <a:buFont typeface="Arial" panose="020B0604020202020204" pitchFamily="34" charset="0"/>
              <a:buChar char="•"/>
            </a:pPr>
            <a:endParaRPr lang="da-DK" sz="1600" dirty="0">
              <a:latin typeface="Calibri" panose="020F0502020204030204" pitchFamily="34" charset="0"/>
            </a:endParaRPr>
          </a:p>
          <a:p>
            <a:pPr lvl="1" fontAlgn="ctr">
              <a:buFont typeface="Arial" panose="020B0604020202020204" pitchFamily="34" charset="0"/>
              <a:buChar char="•"/>
            </a:pPr>
            <a:r>
              <a:rPr lang="da-DK" sz="1600" dirty="0">
                <a:latin typeface="Calibri" panose="020F0502020204030204" pitchFamily="34" charset="0"/>
              </a:rPr>
              <a:t>Og så er arbejdsmiljø altid ‘</a:t>
            </a:r>
            <a:r>
              <a:rPr lang="da-DK" sz="1600" dirty="0" err="1">
                <a:latin typeface="Calibri" panose="020F0502020204030204" pitchFamily="34" charset="0"/>
              </a:rPr>
              <a:t>work</a:t>
            </a:r>
            <a:r>
              <a:rPr lang="da-DK" sz="1600" dirty="0">
                <a:latin typeface="Calibri" panose="020F0502020204030204" pitchFamily="34" charset="0"/>
              </a:rPr>
              <a:t>-in-</a:t>
            </a:r>
            <a:r>
              <a:rPr lang="da-DK" sz="1600" dirty="0" err="1">
                <a:latin typeface="Calibri" panose="020F0502020204030204" pitchFamily="34" charset="0"/>
              </a:rPr>
              <a:t>progress</a:t>
            </a:r>
            <a:r>
              <a:rPr lang="da-DK" sz="1600" dirty="0">
                <a:latin typeface="Calibri" panose="020F0502020204030204" pitchFamily="34" charset="0"/>
              </a:rPr>
              <a:t>’…</a:t>
            </a:r>
          </a:p>
          <a:p>
            <a:pPr lvl="1" fontAlgn="ctr">
              <a:buFont typeface="Arial" panose="020B0604020202020204" pitchFamily="34" charset="0"/>
              <a:buChar char="•"/>
            </a:pPr>
            <a:endParaRPr lang="da-DK" sz="1600" dirty="0">
              <a:latin typeface="Calibri" panose="020F0502020204030204" pitchFamily="34" charset="0"/>
            </a:endParaRPr>
          </a:p>
          <a:p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0-12-202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645859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BAFE0706-2F15-4728-BA02-DEA0880EBAE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A430C273-B194-4F7F-85F8-60EB0D8714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590E060-44E1-4C00-97A0-DCC08DBB531C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894CB6-721F-4559-A1D3-11BF4A99136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7610C92B-3E20-43FF-9741-D802DC65CBD0}" type="datetime1">
              <a:rPr lang="da-DK" smtClean="0"/>
              <a:t>20-12-202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62745422"/>
      </p:ext>
    </p:extLst>
  </p:cSld>
  <p:clrMapOvr>
    <a:masterClrMapping/>
  </p:clrMapOvr>
</p:sld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505569","enableDocumentContentUpdater":false,"version":"2.0"}]]></TemplafySlideTemplateConfiguration>
</file>

<file path=customXml/item11.xml><?xml version="1.0" encoding="utf-8"?>
<TemplafyTemplateConfiguration><![CDATA[{"elementsMetadata":[{"elementConfiguration":{"binding":"{{FormatDateTime(Form.Date,Translate(\"Format_DateCustomA\"),DocumentLanguage)}}","disableUpdates":false,"type":"text"},"type":"shape","id":"01cd8caf-55f5-4275-a25b-90eb3eeea4aa"},{"elementConfiguration":{"binding":"{{UserProfile.Institut.Institute}}","disableUpdates":false,"type":"text"},"type":"shape","id":"b7b5340c-5b98-4bf8-ad2f-e0e144bf4a09"},{"elementConfiguration":{"binding":"{{UserProfile.Institut.Institute}}","disableUpdates":false,"type":"text"},"type":"shape","id":"82258664-d91f-4e92-a114-02391ac54c7e"},{"elementConfiguration":{"binding":"{{UserProfile.Institut.Institute}}","disableUpdates":false,"type":"text"},"type":"shape","id":"77827b4e-b539-40e0-b68d-04b108dd1261"},{"elementConfiguration":{"binding":"{{UserProfile.Institut.Institute}}","disableUpdates":false,"type":"text"},"type":"shape","id":"737eb183-9109-496e-9d5e-195ead099ae2"},{"elementConfiguration":{"binding":"{{UserProfile.Institut.Institute}}","disableUpdates":false,"type":"text"},"type":"shape","id":"29b110d1-99f2-47bb-acac-8b765cee8554"},{"elementConfiguration":{"binding":"{{UserProfile.Institut.Institute}}","disableUpdates":false,"type":"text"},"type":"shape","id":"5fdf2e45-fb0c-49b7-9368-13f9cdf644fc"},{"elementConfiguration":{"binding":"{{UserProfile.Institut.Institute}}","disableUpdates":false,"type":"text"},"type":"shape","id":"d8a61afe-e2d6-4f26-af59-1c7d045e019f"},{"elementConfiguration":{"binding":"{{UserProfile.Institut.Institute}}","disableUpdates":false,"type":"text"},"type":"shape","id":"2334effb-d7b2-4148-a84c-b6d392606a5f"},{"elementConfiguration":{"binding":"{{UserProfile.Institut.Institute}}","disableUpdates":false,"type":"text"},"type":"shape","id":"dae76c83-f8ff-4676-95d2-20cab2e05c29"},{"elementConfiguration":{"binding":"{{UserProfile.Institut.Institute}}","disableUpdates":false,"type":"text"},"type":"shape","id":"dad63258-ec22-456a-9855-14ae120b61c8"},{"elementConfiguration":{"binding":"{{UserProfile.Institut.Institute}}","disableUpdates":false,"type":"text"},"type":"shape","id":"ef08ebbb-1ca0-4cd7-b41c-1e12ce0b4a83"},{"elementConfiguration":{"binding":"{{UserProfile.Institut.Institute}}","disableUpdates":false,"type":"text"},"type":"shape","id":"6f6a809b-b518-4900-aa59-d20889c18234"},{"elementConfiguration":{"binding":"{{UserProfile.Institut.Institute}}","disableUpdates":false,"type":"text"},"type":"shape","id":"2b8e1c1b-53a6-48c0-a0c7-6d262b3940bc"},{"elementConfiguration":{"binding":"{{UserProfile.Institut.Institute}}","disableUpdates":false,"type":"text"},"type":"shape","id":"c23312ca-394b-425d-b97c-225dd344582e"},{"elementConfiguration":{"binding":"{{UserProfile.Institut.Institute}}","disableUpdates":false,"type":"text"},"type":"shape","id":"c0cb5cf2-b989-4711-8f03-35e370847d03"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12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2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{"name":"Date","value":"IuiLPGY8RsBBNn2AYRZEjQ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13492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753539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009082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3E138F0-A278-4C20-9F1E-79AB733CC62D}">
  <ds:schemaRefs/>
</ds:datastoreItem>
</file>

<file path=customXml/itemProps10.xml><?xml version="1.0" encoding="utf-8"?>
<ds:datastoreItem xmlns:ds="http://schemas.openxmlformats.org/officeDocument/2006/customXml" ds:itemID="{E8D11332-B5E7-48E4-880A-280F24D01FFA}">
  <ds:schemaRefs/>
</ds:datastoreItem>
</file>

<file path=customXml/itemProps11.xml><?xml version="1.0" encoding="utf-8"?>
<ds:datastoreItem xmlns:ds="http://schemas.openxmlformats.org/officeDocument/2006/customXml" ds:itemID="{90DE47FB-CBD9-46EF-A4BB-64ED750A2AFD}">
  <ds:schemaRefs/>
</ds:datastoreItem>
</file>

<file path=customXml/itemProps12.xml><?xml version="1.0" encoding="utf-8"?>
<ds:datastoreItem xmlns:ds="http://schemas.openxmlformats.org/officeDocument/2006/customXml" ds:itemID="{80E35074-8722-4F20-88CC-87A31F7F991B}">
  <ds:schemaRefs/>
</ds:datastoreItem>
</file>

<file path=customXml/itemProps2.xml><?xml version="1.0" encoding="utf-8"?>
<ds:datastoreItem xmlns:ds="http://schemas.openxmlformats.org/officeDocument/2006/customXml" ds:itemID="{E58D0F7B-1F17-4E5D-BC63-2B0FB3F5A51A}">
  <ds:schemaRefs/>
</ds:datastoreItem>
</file>

<file path=customXml/itemProps3.xml><?xml version="1.0" encoding="utf-8"?>
<ds:datastoreItem xmlns:ds="http://schemas.openxmlformats.org/officeDocument/2006/customXml" ds:itemID="{BEB2B9B7-9C71-4451-AD27-ED26CCFBE3BC}">
  <ds:schemaRefs/>
</ds:datastoreItem>
</file>

<file path=customXml/itemProps4.xml><?xml version="1.0" encoding="utf-8"?>
<ds:datastoreItem xmlns:ds="http://schemas.openxmlformats.org/officeDocument/2006/customXml" ds:itemID="{A1A3671E-33E6-41B7-B255-504845DB6111}">
  <ds:schemaRefs/>
</ds:datastoreItem>
</file>

<file path=customXml/itemProps5.xml><?xml version="1.0" encoding="utf-8"?>
<ds:datastoreItem xmlns:ds="http://schemas.openxmlformats.org/officeDocument/2006/customXml" ds:itemID="{47A3E515-FE9A-4E4E-BF48-72FBFDABA94E}">
  <ds:schemaRefs/>
</ds:datastoreItem>
</file>

<file path=customXml/itemProps6.xml><?xml version="1.0" encoding="utf-8"?>
<ds:datastoreItem xmlns:ds="http://schemas.openxmlformats.org/officeDocument/2006/customXml" ds:itemID="{CB743F4C-9685-4433-85DC-86DFF74C4B1E}">
  <ds:schemaRefs/>
</ds:datastoreItem>
</file>

<file path=customXml/itemProps7.xml><?xml version="1.0" encoding="utf-8"?>
<ds:datastoreItem xmlns:ds="http://schemas.openxmlformats.org/officeDocument/2006/customXml" ds:itemID="{FEB1901F-BF6C-471C-A3B9-C97FE7EC6A0F}">
  <ds:schemaRefs/>
</ds:datastoreItem>
</file>

<file path=customXml/itemProps8.xml><?xml version="1.0" encoding="utf-8"?>
<ds:datastoreItem xmlns:ds="http://schemas.openxmlformats.org/officeDocument/2006/customXml" ds:itemID="{ACB0FB7D-F54A-4F1D-8A51-067FE63B6C9A}">
  <ds:schemaRefs/>
</ds:datastoreItem>
</file>

<file path=customXml/itemProps9.xml><?xml version="1.0" encoding="utf-8"?>
<ds:datastoreItem xmlns:ds="http://schemas.openxmlformats.org/officeDocument/2006/customXml" ds:itemID="{C5CCD234-05A2-4D5A-93F7-41A19CAF809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531</Words>
  <Application>Microsoft Office PowerPoint</Application>
  <PresentationFormat>Widescreen</PresentationFormat>
  <Paragraphs>42</Paragraphs>
  <Slides>5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5</vt:i4>
      </vt:variant>
    </vt:vector>
  </HeadingPairs>
  <TitlesOfParts>
    <vt:vector size="9" baseType="lpstr">
      <vt:lpstr>Arial</vt:lpstr>
      <vt:lpstr>Calibri</vt:lpstr>
      <vt:lpstr>Wingdings</vt:lpstr>
      <vt:lpstr>SDU</vt:lpstr>
      <vt:lpstr>Forebyggelse af overbelastning i RS </vt:lpstr>
      <vt:lpstr>Når planen for dagen ændrer sig … hver dag </vt:lpstr>
      <vt:lpstr>Dilemmaer i en foranderlig hverdag</vt:lpstr>
      <vt:lpstr>Forebyggelse af overbelastning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12-04T11:10:43Z</dcterms:created>
  <dcterms:modified xsi:type="dcterms:W3CDTF">2022-12-20T07:08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20382079529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